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17"/>
  </p:notesMasterIdLst>
  <p:handoutMasterIdLst>
    <p:handoutMasterId r:id="rId18"/>
  </p:handoutMasterIdLst>
  <p:sldIdLst>
    <p:sldId id="273" r:id="rId3"/>
    <p:sldId id="265" r:id="rId4"/>
    <p:sldId id="277" r:id="rId5"/>
    <p:sldId id="278" r:id="rId6"/>
    <p:sldId id="274" r:id="rId7"/>
    <p:sldId id="266" r:id="rId8"/>
    <p:sldId id="275" r:id="rId9"/>
    <p:sldId id="279" r:id="rId10"/>
    <p:sldId id="281" r:id="rId11"/>
    <p:sldId id="282" r:id="rId12"/>
    <p:sldId id="283" r:id="rId13"/>
    <p:sldId id="280" r:id="rId14"/>
    <p:sldId id="260" r:id="rId15"/>
    <p:sldId id="276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handoutMaster" Target="handoutMasters/handoutMaster1.xml"/><Relationship Id="rId3" Type="http://schemas.openxmlformats.org/officeDocument/2006/relationships/slide" Target="slides/slide1.xml"/><Relationship Id="rId21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3/2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3/2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02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2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02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/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/>
              <a:t>Anthony Giretti</a:t>
            </a:r>
          </a:p>
          <a:p>
            <a:r>
              <a:rPr lang="fr-CA" sz="2000" cap="none" noProof="1"/>
              <a:t>Consultant </a:t>
            </a:r>
            <a:r>
              <a:rPr lang="fr-FR" sz="2000" cap="none" noProof="1"/>
              <a:t>sénior .NET chez Technologies NTER (Loto-Québec)</a:t>
            </a:r>
          </a:p>
          <a:p>
            <a:r>
              <a:rPr lang="fr-CA" sz="2000" cap="none" noProof="1"/>
              <a:t>http://anthonygiretti.com</a:t>
            </a:r>
            <a:endParaRPr lang="fr-FR" sz="2000" cap="none" noProof="1"/>
          </a:p>
          <a:p>
            <a:endParaRPr lang="fr-FR" cap="none" noProof="1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51028" y="4290112"/>
            <a:ext cx="1330162" cy="1082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Peta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77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«  Inspiré » de Massive, probablement un fork de ce dernier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les bases de données 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ySQL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FireBird</a:t>
            </a:r>
            <a:endParaRPr lang="fr-CA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ouble Syntaxe SQL et LINQ-</a:t>
            </a:r>
            <a:r>
              <a:rPr lang="fr-FR" dirty="0" err="1"/>
              <a:t>Like</a:t>
            </a:r>
            <a:r>
              <a:rPr lang="fr-FR" dirty="0"/>
              <a:t> +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ommunauté active autour ce dernier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as besoin d’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 (relations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’ajouter des attributs de </a:t>
            </a:r>
            <a:r>
              <a:rPr lang="fr-CA" dirty="0" err="1"/>
              <a:t>mapping</a:t>
            </a:r>
            <a:r>
              <a:rPr lang="fr-CA" dirty="0"/>
              <a:t> si on utilise des alias dans la requête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Insert, Update, </a:t>
            </a:r>
            <a:r>
              <a:rPr lang="fr-CA" dirty="0" err="1"/>
              <a:t>Delete</a:t>
            </a:r>
            <a:r>
              <a:rPr lang="fr-CA" dirty="0"/>
              <a:t> identiques à Massiv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as d’</a:t>
            </a:r>
            <a:r>
              <a:rPr lang="fr-CA" dirty="0" err="1"/>
              <a:t>Async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57918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N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Fork de </a:t>
            </a:r>
            <a:r>
              <a:rPr lang="fr-FR" dirty="0" err="1"/>
              <a:t>PetaPoco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Même avantages de </a:t>
            </a:r>
            <a:r>
              <a:rPr lang="fr-CA" dirty="0" err="1"/>
              <a:t>PetaPoco</a:t>
            </a:r>
            <a:r>
              <a:rPr lang="fr-CA" dirty="0"/>
              <a:t>, avec des </a:t>
            </a:r>
            <a:r>
              <a:rPr lang="fr-CA" dirty="0" err="1"/>
              <a:t>features</a:t>
            </a:r>
            <a:r>
              <a:rPr lang="fr-CA" dirty="0"/>
              <a:t> additionnelle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Mapping</a:t>
            </a:r>
            <a:r>
              <a:rPr lang="fr-CA" dirty="0"/>
              <a:t> dans un objet existant possible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S</a:t>
            </a:r>
            <a:r>
              <a:rPr lang="fr-FR" dirty="0" err="1"/>
              <a:t>upporte</a:t>
            </a:r>
            <a:r>
              <a:rPr lang="fr-FR" dirty="0"/>
              <a:t> les jeux de données multiples (comme EF, mais plus élégant)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Async</a:t>
            </a:r>
            <a:r>
              <a:rPr lang="fr-CA" dirty="0"/>
              <a:t> (mais pas toute </a:t>
            </a:r>
            <a:r>
              <a:rPr lang="fr-CA"/>
              <a:t>les opérations)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E</a:t>
            </a:r>
            <a:r>
              <a:rPr lang="fr-FR" dirty="0"/>
              <a:t>t bien d’autres encore…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S</a:t>
            </a:r>
            <a:r>
              <a:rPr lang="fr-FR" dirty="0" err="1"/>
              <a:t>yntaxe</a:t>
            </a:r>
            <a:r>
              <a:rPr lang="fr-FR" dirty="0"/>
              <a:t> quasiment identiqu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G</a:t>
            </a:r>
            <a:r>
              <a:rPr lang="fr-FR" dirty="0" err="1"/>
              <a:t>estion</a:t>
            </a:r>
            <a:r>
              <a:rPr lang="fr-FR" dirty="0"/>
              <a:t> des relations simplifié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</a:t>
            </a:r>
            <a:r>
              <a:rPr lang="fr-FR" dirty="0"/>
              <a:t>lus besoin d’attributs de </a:t>
            </a:r>
            <a:r>
              <a:rPr lang="fr-FR" dirty="0" err="1"/>
              <a:t>mapping</a:t>
            </a:r>
            <a:r>
              <a:rPr lang="fr-FR" dirty="0"/>
              <a:t> comme </a:t>
            </a:r>
            <a:r>
              <a:rPr lang="fr-FR" dirty="0" err="1"/>
              <a:t>PetaPoco</a:t>
            </a:r>
            <a:r>
              <a:rPr lang="fr-FR" dirty="0"/>
              <a:t>, les alias sont mieux pris en charg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Moins populaire que </a:t>
            </a:r>
            <a:r>
              <a:rPr lang="fr-CA" dirty="0" err="1"/>
              <a:t>PetaPoco</a:t>
            </a:r>
            <a:r>
              <a:rPr lang="fr-CA" dirty="0"/>
              <a:t>, communauté moins active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833767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OrmLit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850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éveloppé par l’équipe </a:t>
            </a:r>
            <a:r>
              <a:rPr lang="fr-FR" dirty="0" err="1"/>
              <a:t>ServiceStack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 2000 et supérieur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Mysql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FireBird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VistaDB</a:t>
            </a:r>
            <a:endParaRPr lang="fr-CA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ouble Syntaxe LINQ-</a:t>
            </a:r>
            <a:r>
              <a:rPr lang="fr-FR" dirty="0" err="1"/>
              <a:t>Like</a:t>
            </a:r>
            <a:r>
              <a:rPr lang="fr-FR" dirty="0"/>
              <a:t> élégante et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A</a:t>
            </a:r>
            <a:r>
              <a:rPr lang="fr-FR" dirty="0"/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ommunauté active autour ce dernier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Supporte .Net </a:t>
            </a:r>
            <a:r>
              <a:rPr lang="fr-CA" dirty="0" err="1"/>
              <a:t>Core</a:t>
            </a:r>
            <a:r>
              <a:rPr lang="fr-CA" dirty="0"/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56944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/>
          <a:lstStyle/>
          <a:p>
            <a:r>
              <a:rPr lang="fr-CA" noProof="1"/>
              <a:t>Aperçu des performances (Select)</a:t>
            </a:r>
            <a:endParaRPr lang="fr-FR" noProof="1"/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Comparaisons</a:t>
            </a:r>
            <a:endParaRPr lang="fr-FR" dirty="0"/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77640784"/>
              </p:ext>
            </p:extLst>
          </p:nvPr>
        </p:nvGraphicFramePr>
        <p:xfrm>
          <a:off x="117443" y="1673224"/>
          <a:ext cx="11979480" cy="3588734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50630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551964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935561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453591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300294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84183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855677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308683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838897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Licence / Installation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dirty="0"/>
                        <a:t>Prise en m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Communauté, documentation, maturité, Fréquence Maj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Performance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</a:t>
                      </a:r>
                    </a:p>
                    <a:p>
                      <a:r>
                        <a:rPr lang="fr-CA" sz="1200" dirty="0"/>
                        <a:t>différentes </a:t>
                      </a:r>
                      <a:r>
                        <a:rPr lang="fr-CA" sz="1200" dirty="0" err="1"/>
                        <a:t>Bdd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 </a:t>
                      </a:r>
                    </a:p>
                    <a:p>
                      <a:r>
                        <a:rPr lang="fr-CA" sz="1200" dirty="0"/>
                        <a:t>.Net </a:t>
                      </a:r>
                      <a:r>
                        <a:rPr lang="fr-CA" sz="1200" dirty="0" err="1"/>
                        <a:t>Core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Transaction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b="1" i="0" kern="1200" dirty="0" err="1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ync</a:t>
                      </a:r>
                      <a:endParaRPr lang="fr-FR" sz="1200" b="1" i="0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EF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assiv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Télécharger 2 fichiers sur GitHu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Dapper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Orm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SimpleData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Peta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/>
                        <a:t>                     </a:t>
                      </a:r>
                      <a:endParaRPr lang="fr-FR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icro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2250956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N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2197383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4611" y="2200782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198564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194809"/>
            <a:ext cx="305746" cy="292736"/>
          </a:xfrm>
          <a:prstGeom prst="rect">
            <a:avLst/>
          </a:prstGeom>
        </p:spPr>
      </p:pic>
      <p:pic>
        <p:nvPicPr>
          <p:cNvPr id="15" name="Image 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4572237"/>
            <a:ext cx="305746" cy="292736"/>
          </a:xfrm>
          <a:prstGeom prst="rect">
            <a:avLst/>
          </a:prstGeom>
        </p:spPr>
      </p:pic>
      <p:pic>
        <p:nvPicPr>
          <p:cNvPr id="16" name="Image 1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572237"/>
            <a:ext cx="305746" cy="292736"/>
          </a:xfrm>
          <a:prstGeom prst="rect">
            <a:avLst/>
          </a:prstGeom>
        </p:spPr>
      </p:pic>
      <p:pic>
        <p:nvPicPr>
          <p:cNvPr id="17" name="Image 1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954118"/>
            <a:ext cx="305746" cy="292736"/>
          </a:xfrm>
          <a:prstGeom prst="rect">
            <a:avLst/>
          </a:prstGeom>
        </p:spPr>
      </p:pic>
      <p:pic>
        <p:nvPicPr>
          <p:cNvPr id="18" name="Image 1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954118"/>
            <a:ext cx="305746" cy="292736"/>
          </a:xfrm>
          <a:prstGeom prst="rect">
            <a:avLst/>
          </a:prstGeom>
        </p:spPr>
      </p:pic>
      <p:pic>
        <p:nvPicPr>
          <p:cNvPr id="19" name="Image 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013303"/>
            <a:ext cx="305746" cy="292736"/>
          </a:xfrm>
          <a:prstGeom prst="rect">
            <a:avLst/>
          </a:prstGeom>
        </p:spPr>
      </p:pic>
      <p:pic>
        <p:nvPicPr>
          <p:cNvPr id="20" name="Image 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3000704"/>
            <a:ext cx="305746" cy="292736"/>
          </a:xfrm>
          <a:prstGeom prst="rect">
            <a:avLst/>
          </a:prstGeom>
        </p:spPr>
      </p:pic>
      <p:pic>
        <p:nvPicPr>
          <p:cNvPr id="21" name="Image 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3010880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7329" y="3406315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1652" y="3403693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0432" y="3783526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550" y="2198817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7055" y="2205337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296" y="2205337"/>
            <a:ext cx="305746" cy="292736"/>
          </a:xfrm>
          <a:prstGeom prst="rect">
            <a:avLst/>
          </a:prstGeom>
        </p:spPr>
      </p:pic>
      <p:pic>
        <p:nvPicPr>
          <p:cNvPr id="29" name="Image 2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2634863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4321" y="264132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3017277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99" y="3023797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023797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0142" y="3795908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4188589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1448" y="4184834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4184834"/>
            <a:ext cx="305746" cy="292736"/>
          </a:xfrm>
          <a:prstGeom prst="rect">
            <a:avLst/>
          </a:prstGeom>
        </p:spPr>
      </p:pic>
      <p:pic>
        <p:nvPicPr>
          <p:cNvPr id="40" name="Image 3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4580804"/>
            <a:ext cx="305746" cy="292736"/>
          </a:xfrm>
          <a:prstGeom prst="rect">
            <a:avLst/>
          </a:prstGeom>
        </p:spPr>
      </p:pic>
      <p:pic>
        <p:nvPicPr>
          <p:cNvPr id="41" name="Image 4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269" y="4580804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4947517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8257" y="4947517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998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9415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2923818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9351" y="3314485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3822" y="3698564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5623" y="4081752"/>
            <a:ext cx="445316" cy="445316"/>
          </a:xfrm>
          <a:prstGeom prst="rect">
            <a:avLst/>
          </a:prstGeom>
        </p:spPr>
      </p:pic>
      <p:pic>
        <p:nvPicPr>
          <p:cNvPr id="51" name="Image 50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24" y="4473310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4864868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88492" y="2100725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2937989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4103" y="3314000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8438" y="4097897"/>
            <a:ext cx="445316" cy="445316"/>
          </a:xfrm>
          <a:prstGeom prst="rect">
            <a:avLst/>
          </a:prstGeom>
        </p:spPr>
      </p:pic>
      <p:pic>
        <p:nvPicPr>
          <p:cNvPr id="58" name="Image 5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4475791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6778" y="4873540"/>
            <a:ext cx="445316" cy="445316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8000" y="3757046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10814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4403" y="2108141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505232"/>
            <a:ext cx="445316" cy="445316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944180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944180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5373" y="332558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3322886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3707236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8" y="3753457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4105329"/>
            <a:ext cx="445316" cy="445316"/>
          </a:xfrm>
          <a:prstGeom prst="rect">
            <a:avLst/>
          </a:prstGeom>
        </p:spPr>
      </p:pic>
      <p:pic>
        <p:nvPicPr>
          <p:cNvPr id="84" name="Image 8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7381" y="4484552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7" y="4142445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39664" y="4481982"/>
            <a:ext cx="445316" cy="445316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4873540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0892" y="4873540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2197383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3791365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2642620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2649140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2649140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023464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029984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029984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407688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414208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414208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178980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185500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185500"/>
            <a:ext cx="305746" cy="292736"/>
          </a:xfrm>
          <a:prstGeom prst="rect">
            <a:avLst/>
          </a:prstGeom>
        </p:spPr>
      </p:pic>
      <p:pic>
        <p:nvPicPr>
          <p:cNvPr id="103" name="Image 10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567581"/>
            <a:ext cx="305746" cy="292736"/>
          </a:xfrm>
          <a:prstGeom prst="rect">
            <a:avLst/>
          </a:prstGeom>
        </p:spPr>
      </p:pic>
      <p:pic>
        <p:nvPicPr>
          <p:cNvPr id="104" name="Image 10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574101"/>
            <a:ext cx="305746" cy="292736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574101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778" y="495250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283" y="495902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524" y="4959028"/>
            <a:ext cx="305746" cy="292736"/>
          </a:xfrm>
          <a:prstGeom prst="rect">
            <a:avLst/>
          </a:prstGeom>
        </p:spPr>
      </p:pic>
      <p:pic>
        <p:nvPicPr>
          <p:cNvPr id="112" name="Image 1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5901" y="3419767"/>
            <a:ext cx="305746" cy="292736"/>
          </a:xfrm>
          <a:prstGeom prst="rect">
            <a:avLst/>
          </a:prstGeom>
        </p:spPr>
      </p:pic>
      <p:pic>
        <p:nvPicPr>
          <p:cNvPr id="113" name="Image 1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0224" y="3417145"/>
            <a:ext cx="305746" cy="292736"/>
          </a:xfrm>
          <a:prstGeom prst="rect">
            <a:avLst/>
          </a:prstGeom>
        </p:spPr>
      </p:pic>
      <p:pic>
        <p:nvPicPr>
          <p:cNvPr id="114" name="Image 1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419229"/>
            <a:ext cx="305746" cy="292736"/>
          </a:xfrm>
          <a:prstGeom prst="rect">
            <a:avLst/>
          </a:prstGeom>
        </p:spPr>
      </p:pic>
      <p:pic>
        <p:nvPicPr>
          <p:cNvPr id="116" name="Image 115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3597" y="2601951"/>
            <a:ext cx="317175" cy="317175"/>
          </a:xfrm>
          <a:prstGeom prst="rect">
            <a:avLst/>
          </a:prstGeom>
        </p:spPr>
      </p:pic>
      <p:pic>
        <p:nvPicPr>
          <p:cNvPr id="117" name="Image 11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489669"/>
            <a:ext cx="445316" cy="445316"/>
          </a:xfrm>
          <a:prstGeom prst="rect">
            <a:avLst/>
          </a:prstGeom>
        </p:spPr>
      </p:pic>
      <p:pic>
        <p:nvPicPr>
          <p:cNvPr id="119" name="Image 1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2609002"/>
            <a:ext cx="305746" cy="331324"/>
          </a:xfrm>
          <a:prstGeom prst="rect">
            <a:avLst/>
          </a:prstGeom>
        </p:spPr>
      </p:pic>
      <p:pic>
        <p:nvPicPr>
          <p:cNvPr id="120" name="Image 1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2596403"/>
            <a:ext cx="305746" cy="331324"/>
          </a:xfrm>
          <a:prstGeom prst="rect">
            <a:avLst/>
          </a:prstGeom>
        </p:spPr>
      </p:pic>
      <p:pic>
        <p:nvPicPr>
          <p:cNvPr id="121" name="Image 1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2606579"/>
            <a:ext cx="305746" cy="331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/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/>
              <a:t>L'arrivée il y 10 ans d'</a:t>
            </a:r>
            <a:r>
              <a:rPr lang="fr-FR" dirty="0" err="1"/>
              <a:t>Entity</a:t>
            </a:r>
            <a:r>
              <a:rPr lang="fr-FR" dirty="0"/>
              <a:t> Framework a permis de manipuler  une base de données sans écrire une seule ligne de SQL. </a:t>
            </a:r>
          </a:p>
          <a:p>
            <a:pPr marL="45720" indent="0">
              <a:buNone/>
            </a:pPr>
            <a:r>
              <a:rPr lang="fr-FR" dirty="0">
                <a:sym typeface="Wingdings" panose="05000000000000000000" pitchFamily="2" charset="2"/>
              </a:rPr>
              <a:t></a:t>
            </a:r>
            <a:r>
              <a:rPr lang="fr-FR" dirty="0"/>
              <a:t>Ce qui a permis d’augmenter la productivité des développeurs.</a:t>
            </a:r>
          </a:p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 err="1"/>
              <a:t>Entity</a:t>
            </a:r>
            <a:r>
              <a:rPr lang="fr-FR" dirty="0"/>
              <a:t> Framework a apporté son lot d'avantages mais aussi d'inconvénients…….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185934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CA" dirty="0"/>
              <a:t>Avantag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861545"/>
            <a:ext cx="9509760" cy="318071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Gain de productivité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1567528"/>
            <a:ext cx="9130965" cy="4229265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88856" y="3173861"/>
            <a:ext cx="3659394" cy="2177422"/>
          </a:xfrm>
          <a:prstGeom prst="rect">
            <a:avLst/>
          </a:prstGeom>
        </p:spPr>
      </p:pic>
      <p:sp>
        <p:nvSpPr>
          <p:cNvPr id="7" name="Flèche : droite 6"/>
          <p:cNvSpPr/>
          <p:nvPr/>
        </p:nvSpPr>
        <p:spPr>
          <a:xfrm>
            <a:off x="8350960" y="4020256"/>
            <a:ext cx="475791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4449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Inconvénients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sym typeface="Wingdings" panose="05000000000000000000" pitchFamily="2" charset="2"/>
              </a:rPr>
              <a:t>LazyLoading</a:t>
            </a:r>
            <a:r>
              <a:rPr lang="fr-CA" dirty="0">
                <a:sym typeface="Wingdings" panose="05000000000000000000" pitchFamily="2" charset="2"/>
              </a:rPr>
              <a:t>, </a:t>
            </a:r>
            <a:r>
              <a:rPr lang="fr-CA" dirty="0" err="1">
                <a:sym typeface="Wingdings" panose="05000000000000000000" pitchFamily="2" charset="2"/>
              </a:rPr>
              <a:t>EagerLoading</a:t>
            </a:r>
            <a:r>
              <a:rPr lang="fr-CA" dirty="0"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Nombreux bugs de mise à jour du modèle EDMX en mode </a:t>
            </a:r>
            <a:r>
              <a:rPr lang="fr-CA" dirty="0" err="1"/>
              <a:t>Database</a:t>
            </a:r>
            <a:r>
              <a:rPr lang="fr-CA" dirty="0"/>
              <a:t> Firs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Développement et maintenance compliquée en mode Code First</a:t>
            </a: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89540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698971"/>
            <a:ext cx="9509760" cy="584544"/>
          </a:xfrm>
        </p:spPr>
        <p:txBody>
          <a:bodyPr>
            <a:normAutofit/>
          </a:bodyPr>
          <a:lstStyle/>
          <a:p>
            <a:r>
              <a:rPr lang="fr-FR" noProof="1"/>
              <a:t>Les alternativ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/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/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patibilité avec les différentes bases de donné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munauté autour de ces derniers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/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311427" y="2597984"/>
            <a:ext cx="118717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682306" y="4663844"/>
            <a:ext cx="64585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Peta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13238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Apparition d’ADO.NET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5284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843972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127851" y="4663845"/>
            <a:ext cx="53280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839893" y="2597984"/>
            <a:ext cx="791327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imple.Data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qlFu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9" y="4663844"/>
            <a:ext cx="62250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Micro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N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Uni.Orm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NRe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759411" y="4763113"/>
            <a:ext cx="86591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rgbClr val="624332"/>
                </a:solidFill>
                <a:latin typeface="Calibri" panose="020F0502020204030204" pitchFamily="34" charset="0"/>
              </a:rPr>
              <a:t>Artisan </a:t>
            </a:r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XPo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Origines de </a:t>
            </a:r>
            <a:r>
              <a:rPr lang="fr-CA" dirty="0" err="1"/>
              <a:t>PetaPoco</a:t>
            </a:r>
            <a:r>
              <a:rPr lang="fr-CA" dirty="0"/>
              <a:t>, </a:t>
            </a:r>
            <a:r>
              <a:rPr lang="fr-CA" dirty="0" err="1"/>
              <a:t>NPoco</a:t>
            </a:r>
            <a:r>
              <a:rPr lang="fr-CA" dirty="0"/>
              <a:t> et </a:t>
            </a:r>
            <a:r>
              <a:rPr lang="fr-CA" dirty="0" err="1"/>
              <a:t>XPoco</a:t>
            </a:r>
            <a:endParaRPr lang="fr-FR" dirty="0"/>
          </a:p>
        </p:txBody>
      </p:sp>
      <p:sp>
        <p:nvSpPr>
          <p:cNvPr id="7" name="Flèche : droite 6"/>
          <p:cNvSpPr/>
          <p:nvPr/>
        </p:nvSpPr>
        <p:spPr>
          <a:xfrm>
            <a:off x="3833768" y="3406574"/>
            <a:ext cx="978408" cy="21704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2692865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/>
              <a:t>Massive (2011)</a:t>
            </a:r>
            <a:endParaRPr lang="fr-FR" dirty="0"/>
          </a:p>
        </p:txBody>
      </p:sp>
      <p:sp>
        <p:nvSpPr>
          <p:cNvPr id="10" name="ZoneTexte 9"/>
          <p:cNvSpPr txBox="1"/>
          <p:nvPr/>
        </p:nvSpPr>
        <p:spPr>
          <a:xfrm>
            <a:off x="4893423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PetaPoco</a:t>
            </a:r>
            <a:r>
              <a:rPr lang="fr-CA" dirty="0"/>
              <a:t> (2011)</a:t>
            </a:r>
            <a:endParaRPr lang="fr-FR" dirty="0"/>
          </a:p>
        </p:txBody>
      </p:sp>
      <p:sp>
        <p:nvSpPr>
          <p:cNvPr id="14" name="Flèche : courbe vers le bas 13"/>
          <p:cNvSpPr/>
          <p:nvPr/>
        </p:nvSpPr>
        <p:spPr>
          <a:xfrm>
            <a:off x="5877829" y="2377565"/>
            <a:ext cx="1216152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877829" y="4261607"/>
            <a:ext cx="1216152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597786" y="3048102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Npoco</a:t>
            </a:r>
            <a:r>
              <a:rPr lang="fr-CA" dirty="0"/>
              <a:t> (2012)</a:t>
            </a:r>
            <a:endParaRPr lang="fr-FR" dirty="0"/>
          </a:p>
        </p:txBody>
      </p:sp>
      <p:sp>
        <p:nvSpPr>
          <p:cNvPr id="17" name="ZoneTexte 16"/>
          <p:cNvSpPr txBox="1"/>
          <p:nvPr/>
        </p:nvSpPr>
        <p:spPr>
          <a:xfrm>
            <a:off x="6597786" y="367779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Xpoco</a:t>
            </a:r>
            <a:r>
              <a:rPr lang="fr-CA" dirty="0"/>
              <a:t> (2017)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Simple.Data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6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entièrement dynamique, conséquence : pas </a:t>
            </a:r>
            <a:r>
              <a:rPr lang="fr-FR" dirty="0" err="1"/>
              <a:t>d’Intellisense</a:t>
            </a:r>
            <a:r>
              <a:rPr lang="fr-FR" dirty="0"/>
              <a:t>, mais il est possible de télécharger séparément un outil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 2005 et supérieur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Mysql</a:t>
            </a:r>
            <a:r>
              <a:rPr lang="fr-FR" dirty="0"/>
              <a:t> 4 et supérieur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et supérieu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SqlAnyWhere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Informix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icrosoft Access (2000, 2003 ,2007)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peu compliquée (LINQ-</a:t>
            </a:r>
            <a:r>
              <a:rPr lang="fr-FR" dirty="0" err="1"/>
              <a:t>like</a:t>
            </a:r>
            <a:r>
              <a:rPr lang="fr-FR" dirty="0"/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décevant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Gestion de la connexion douteuse : « </a:t>
            </a:r>
            <a:r>
              <a:rPr lang="en-US" i="1" dirty="0" err="1"/>
              <a:t>Simple.Data</a:t>
            </a:r>
            <a:r>
              <a:rPr lang="en-US" i="1" dirty="0"/>
              <a:t> is quite aggressive in closing connections and holds no open connections to a data store by default, so you can keep the Database object returned from the Open*() methods hanging around without worrying.</a:t>
            </a:r>
            <a:r>
              <a:rPr lang="fr-CA" dirty="0"/>
              <a:t>»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Transactions non prises en charg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rometteur mais malheureusement il n’est plus mis à jour depuis 2013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74610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Massiv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92500"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 err="1"/>
              <a:t>MicroOrm</a:t>
            </a:r>
            <a:r>
              <a:rPr lang="fr-FR" dirty="0"/>
              <a:t> fournissant uniquement des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eu de bases de données 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ouble Syntaxe SQL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Fournit les commandes de base uniquement, syntaxe simpliste (pas de </a:t>
            </a:r>
            <a:r>
              <a:rPr lang="fr-CA" dirty="0" err="1"/>
              <a:t>join</a:t>
            </a:r>
            <a:r>
              <a:rPr lang="fr-CA" dirty="0"/>
              <a:t> par exemple)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faire hériter ses </a:t>
            </a:r>
            <a:r>
              <a:rPr lang="fr-CA" dirty="0" err="1"/>
              <a:t>Pocos</a:t>
            </a:r>
            <a:r>
              <a:rPr lang="fr-CA" dirty="0"/>
              <a:t> d’une classe nommée « </a:t>
            </a:r>
            <a:r>
              <a:rPr lang="fr-CA" dirty="0" err="1"/>
              <a:t>DynamicModel</a:t>
            </a:r>
            <a:r>
              <a:rPr lang="fr-CA" dirty="0"/>
              <a:t> »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apper ses données dans un autre objet typé similaire ou se contenter de données dynamiques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45684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526</Words>
  <Application>Microsoft Office PowerPoint</Application>
  <PresentationFormat>Grand écran</PresentationFormat>
  <Paragraphs>164</Paragraphs>
  <Slides>14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onstantia</vt:lpstr>
      <vt:lpstr>Wingdings</vt:lpstr>
      <vt:lpstr>Sheer Blue 16x9</vt:lpstr>
      <vt:lpstr>Les Micro Orm, alternatives à Entity Framework</vt:lpstr>
      <vt:lpstr>Introduction</vt:lpstr>
      <vt:lpstr>Avantage</vt:lpstr>
      <vt:lpstr>Inconvénients</vt:lpstr>
      <vt:lpstr>Les alternatives</vt:lpstr>
      <vt:lpstr>Historique</vt:lpstr>
      <vt:lpstr>Origines de PetaPoco, NPoco et XPoco</vt:lpstr>
      <vt:lpstr>Simple.Data</vt:lpstr>
      <vt:lpstr>Massive</vt:lpstr>
      <vt:lpstr>PetaPoco</vt:lpstr>
      <vt:lpstr>NPoco</vt:lpstr>
      <vt:lpstr>OrmLite</vt:lpstr>
      <vt:lpstr>Aperçu des performances (Select)</vt:lpstr>
      <vt:lpstr>Comparais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3-03T02:54:24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